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4413\Desktop\"/>
    </mc:Choice>
  </mc:AlternateContent>
  <xr:revisionPtr revIDLastSave="0" documentId="13_ncr:1_{3172BC03-5C28-4D5B-B563-C9AC1DC7F360}" xr6:coauthVersionLast="44" xr6:coauthVersionMax="44" xr10:uidLastSave="{00000000-0000-0000-0000-000000000000}"/>
  <bookViews>
    <workbookView xWindow="-108" yWindow="-108" windowWidth="19416" windowHeight="10416" xr2:uid="{7D0F84CD-DE1C-41FC-BB47-E37E1176A105}"/>
  </bookViews>
  <sheets>
    <sheet name="Hoja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260" uniqueCount="74">
  <si>
    <t>RECORRIDO</t>
  </si>
  <si>
    <t>REF. CARRETERA</t>
  </si>
  <si>
    <t>HORARIO</t>
  </si>
  <si>
    <t>KM. CARRERA</t>
  </si>
  <si>
    <t>INCIDENCIA</t>
  </si>
  <si>
    <t>P. AUXILIAR</t>
  </si>
  <si>
    <t>AMOREBIETA-SALIDA c/ NAFARROA</t>
  </si>
  <si>
    <t>URBANO</t>
  </si>
  <si>
    <t>AMOREBIETA</t>
  </si>
  <si>
    <t>ROTONDA, DIRECCION LEMONA</t>
  </si>
  <si>
    <t>RECTA NAFARROA</t>
  </si>
  <si>
    <t>BI-635</t>
  </si>
  <si>
    <t>CRUCE IZDA, C/ GUDARI,  DIRECCION LEMONA</t>
  </si>
  <si>
    <t>PASO A NIVEL C/ GUDARI</t>
  </si>
  <si>
    <t>LEMOA</t>
  </si>
  <si>
    <t>BI-3526</t>
  </si>
  <si>
    <t>LEMOA CRUCE DERECHA DIRECCION BILBAO, BEDIA</t>
  </si>
  <si>
    <t>LEMOA, ROTONDA, ACCESO A N-240, DIRECCION BILBAO</t>
  </si>
  <si>
    <t>N-240</t>
  </si>
  <si>
    <t>LEMOA  ACCESO VECINAL</t>
  </si>
  <si>
    <t>BEDIA</t>
  </si>
  <si>
    <t>BEDIA CENTRO</t>
  </si>
  <si>
    <t>USANSOLO</t>
  </si>
  <si>
    <t>USANSOLO  ROTONDA</t>
  </si>
  <si>
    <r>
      <t xml:space="preserve">USANSOLO  ACCESOS HOSPITAL-- A  50 MTS. </t>
    </r>
    <r>
      <rPr>
        <b/>
        <sz val="8"/>
        <rFont val="Arial"/>
        <family val="2"/>
      </rPr>
      <t>ROTONDA</t>
    </r>
  </si>
  <si>
    <t>GALDAKAO-EL GALLO</t>
  </si>
  <si>
    <t>EL GALLO CRUCE DERECHA DIRECCION DONOSTIA</t>
  </si>
  <si>
    <t>N-634</t>
  </si>
  <si>
    <t>EL GALLO  ACCESO A N-634</t>
  </si>
  <si>
    <t>GALDAKAO-ERLETXES</t>
  </si>
  <si>
    <t>ERLETXES ROTONDA DIRECCION DONOSTIA</t>
  </si>
  <si>
    <t>ERLETXES  (SALIDA DE A-8 )</t>
  </si>
  <si>
    <t>BI-3334</t>
  </si>
  <si>
    <t>AMOREBIETA, BOROA CUCE DERECHA DIRECCION AMOREBIETA</t>
  </si>
  <si>
    <t>AMOREBIETA,ROTONDA BOROA, DIRECCION AMOREBIETA CENTRO</t>
  </si>
  <si>
    <t>AMOREBIETA, ROTONDA LIDL, DIRECCION AMOREBIETA CENTRO</t>
  </si>
  <si>
    <t>AMOREBIETA,ROTONDA IXERANGO, DIRECCION ERDIALDIA</t>
  </si>
  <si>
    <t>AMOREBIETA, PASO A NIVEL C/ SAN PEDRO</t>
  </si>
  <si>
    <t>AMOREBIETA-CENTRO</t>
  </si>
  <si>
    <t>AMOREBIETA,ROTONDA CENTRO, DIR. DURANGO</t>
  </si>
  <si>
    <t>AMOREBIETA, ROTONDA C/ SAN JUAN DIRECCION DURANGO</t>
  </si>
  <si>
    <t>AMOREBIETA, ROTONDA Bº BIDEAUR DIRECCION C.NAFARROA</t>
  </si>
  <si>
    <t>AMOREBIETA PASO POR META</t>
  </si>
  <si>
    <t>AMOREBIETA, ROTONDA Bº BIDEAUR DIRECCION DURANGO</t>
  </si>
  <si>
    <t>AMOREBIETA, CRUCE IBARRA DIRECCION DONOSTIA-DURANGO</t>
  </si>
  <si>
    <t>AMOREBIETA, CRUCE DERECHA DIRECCION  DONOSTIA-DURANGO</t>
  </si>
  <si>
    <t>ARRIANDI-LA PILASTRA</t>
  </si>
  <si>
    <t>BI-3332</t>
  </si>
  <si>
    <t>ARRIANDI, CRUCE A LA IZQUIERDA, DIRECCION ZUGASTIETA</t>
  </si>
  <si>
    <t>ARRIANDI-IURRETA</t>
  </si>
  <si>
    <t>ARRIANDI, ROTONDA  DIRECCION ZUGASTIETA</t>
  </si>
  <si>
    <t>ALTO DE MUNIKETAS - MONTECALVO</t>
  </si>
  <si>
    <t>ZUGASTIETA</t>
  </si>
  <si>
    <t>CRUCE A LA IZQUIERDA</t>
  </si>
  <si>
    <t>ALTO DE AUTZAGANE</t>
  </si>
  <si>
    <t>AMOREBIETA,CRUCE A LA DCHA., DIRECCION AMOREBIETA CENTRO</t>
  </si>
  <si>
    <t>AMOREBIETA,ROTONDA CENTRO, DIR DURANGO</t>
  </si>
  <si>
    <t>AMOREBIETA, ROTONDA SAN JUAN, DIR. DURANGO</t>
  </si>
  <si>
    <t>57ºPREMIO PRIMAVERA JUNIOR</t>
  </si>
  <si>
    <t>SOCIEDAD CICLISTA AMOREBIETA</t>
  </si>
  <si>
    <t>klasika@scamorebieta.com</t>
  </si>
  <si>
    <t>03-4-2021                     10´00hrs.</t>
  </si>
  <si>
    <t>JUNIOR</t>
  </si>
  <si>
    <t>1.14.5</t>
  </si>
  <si>
    <t>C/ Nafarroa nº 2    AMOREBIETA</t>
  </si>
  <si>
    <t>BI-636</t>
  </si>
  <si>
    <t>LEMOA(ESTACION ELECTRICA DE IBERDROLA)</t>
  </si>
  <si>
    <t>SALIDA  NEUTRALIZADA C/ HAFARROA</t>
  </si>
  <si>
    <t>SALIDA OFICIAL</t>
  </si>
  <si>
    <t>78.1</t>
  </si>
  <si>
    <t>BI-3335</t>
  </si>
  <si>
    <t>META FIN DE CARRERA</t>
  </si>
  <si>
    <t>9,,7</t>
  </si>
  <si>
    <t>BI-33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00"/>
  </numFmts>
  <fonts count="9" x14ac:knownFonts="1">
    <font>
      <sz val="11"/>
      <color theme="1"/>
      <name val="Calibri"/>
      <family val="2"/>
      <scheme val="minor"/>
    </font>
    <font>
      <b/>
      <sz val="8"/>
      <name val="Arial"/>
      <family val="2"/>
    </font>
    <font>
      <sz val="8"/>
      <name val="Arial"/>
      <family val="2"/>
    </font>
    <font>
      <b/>
      <sz val="8"/>
      <color indexed="8"/>
      <name val="Arial"/>
      <family val="2"/>
    </font>
    <font>
      <u/>
      <sz val="11"/>
      <color theme="10"/>
      <name val="Calibri"/>
      <family val="2"/>
      <scheme val="minor"/>
    </font>
    <font>
      <b/>
      <sz val="10"/>
      <name val="Arial"/>
      <family val="2"/>
    </font>
    <font>
      <b/>
      <i/>
      <sz val="10"/>
      <name val="Arial"/>
      <family val="2"/>
    </font>
    <font>
      <sz val="10"/>
      <name val="Arial"/>
      <family val="2"/>
    </font>
    <font>
      <sz val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12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/>
    <xf numFmtId="0" fontId="4" fillId="0" borderId="0" applyNumberFormat="0" applyFill="0" applyBorder="0" applyAlignment="0" applyProtection="0"/>
  </cellStyleXfs>
  <cellXfs count="32">
    <xf numFmtId="0" fontId="0" fillId="0" borderId="0" xfId="0"/>
    <xf numFmtId="0" fontId="1" fillId="2" borderId="1" xfId="0" applyFont="1" applyFill="1" applyBorder="1" applyAlignment="1">
      <alignment horizontal="center"/>
    </xf>
    <xf numFmtId="0" fontId="1" fillId="2" borderId="2" xfId="0" applyFont="1" applyFill="1" applyBorder="1" applyAlignment="1">
      <alignment horizontal="center"/>
    </xf>
    <xf numFmtId="2" fontId="1" fillId="2" borderId="3" xfId="0" applyNumberFormat="1" applyFont="1" applyFill="1" applyBorder="1" applyAlignment="1">
      <alignment horizontal="center"/>
    </xf>
    <xf numFmtId="0" fontId="1" fillId="2" borderId="3" xfId="0" applyFont="1" applyFill="1" applyBorder="1" applyAlignment="1">
      <alignment horizontal="center"/>
    </xf>
    <xf numFmtId="0" fontId="1" fillId="2" borderId="4" xfId="0" applyFont="1" applyFill="1" applyBorder="1"/>
    <xf numFmtId="0" fontId="1" fillId="0" borderId="5" xfId="0" applyFont="1" applyBorder="1"/>
    <xf numFmtId="0" fontId="1" fillId="0" borderId="6" xfId="0" applyFont="1" applyBorder="1" applyAlignment="1">
      <alignment horizontal="center"/>
    </xf>
    <xf numFmtId="2" fontId="1" fillId="0" borderId="6" xfId="0" applyNumberFormat="1" applyFont="1" applyBorder="1" applyAlignment="1">
      <alignment horizontal="center"/>
    </xf>
    <xf numFmtId="0" fontId="1" fillId="0" borderId="6" xfId="0" applyFont="1" applyBorder="1"/>
    <xf numFmtId="0" fontId="1" fillId="0" borderId="7" xfId="0" applyFont="1" applyBorder="1"/>
    <xf numFmtId="164" fontId="2" fillId="0" borderId="6" xfId="0" applyNumberFormat="1" applyFont="1" applyBorder="1" applyAlignment="1">
      <alignment horizontal="center"/>
    </xf>
    <xf numFmtId="0" fontId="1" fillId="0" borderId="7" xfId="0" applyFont="1" applyBorder="1" applyAlignment="1">
      <alignment horizontal="center"/>
    </xf>
    <xf numFmtId="0" fontId="2" fillId="0" borderId="5" xfId="0" applyFont="1" applyBorder="1"/>
    <xf numFmtId="0" fontId="2" fillId="0" borderId="6" xfId="0" applyFont="1" applyBorder="1" applyAlignment="1">
      <alignment horizontal="center"/>
    </xf>
    <xf numFmtId="0" fontId="2" fillId="0" borderId="6" xfId="0" applyFont="1" applyBorder="1"/>
    <xf numFmtId="0" fontId="2" fillId="0" borderId="7" xfId="0" applyFont="1" applyBorder="1" applyAlignment="1">
      <alignment horizontal="center"/>
    </xf>
    <xf numFmtId="164" fontId="1" fillId="0" borderId="6" xfId="0" applyNumberFormat="1" applyFont="1" applyBorder="1" applyAlignment="1">
      <alignment horizontal="center"/>
    </xf>
    <xf numFmtId="0" fontId="3" fillId="0" borderId="7" xfId="0" applyFont="1" applyBorder="1" applyAlignment="1">
      <alignment horizontal="center"/>
    </xf>
    <xf numFmtId="0" fontId="2" fillId="0" borderId="0" xfId="0" applyFont="1"/>
    <xf numFmtId="0" fontId="2" fillId="0" borderId="8" xfId="0" applyFont="1" applyBorder="1"/>
    <xf numFmtId="0" fontId="2" fillId="0" borderId="9" xfId="0" applyFont="1" applyBorder="1" applyAlignment="1">
      <alignment horizontal="center"/>
    </xf>
    <xf numFmtId="0" fontId="2" fillId="0" borderId="9" xfId="0" applyFont="1" applyBorder="1"/>
    <xf numFmtId="0" fontId="2" fillId="0" borderId="10" xfId="0" applyFont="1" applyBorder="1" applyAlignment="1">
      <alignment horizontal="center"/>
    </xf>
    <xf numFmtId="0" fontId="5" fillId="0" borderId="0" xfId="0" applyFont="1" applyAlignment="1">
      <alignment horizontal="left"/>
    </xf>
    <xf numFmtId="0" fontId="6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0" fontId="4" fillId="0" borderId="0" xfId="1"/>
    <xf numFmtId="20" fontId="5" fillId="0" borderId="0" xfId="0" applyNumberFormat="1" applyFont="1" applyAlignment="1">
      <alignment horizontal="center"/>
    </xf>
    <xf numFmtId="0" fontId="6" fillId="0" borderId="0" xfId="0" applyFont="1"/>
    <xf numFmtId="0" fontId="1" fillId="0" borderId="11" xfId="0" applyFont="1" applyFill="1" applyBorder="1"/>
    <xf numFmtId="0" fontId="5" fillId="0" borderId="0" xfId="0" applyFont="1" applyAlignment="1">
      <alignment horizontal="left"/>
    </xf>
  </cellXfs>
  <cellStyles count="2">
    <cellStyle name="Hipervínculo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0</xdr:col>
      <xdr:colOff>1546860</xdr:colOff>
      <xdr:row>8</xdr:row>
      <xdr:rowOff>106680</xdr:rowOff>
    </xdr:to>
    <xdr:pic>
      <xdr:nvPicPr>
        <xdr:cNvPr id="2" name="2 Imagen">
          <a:extLst>
            <a:ext uri="{FF2B5EF4-FFF2-40B4-BE49-F238E27FC236}">
              <a16:creationId xmlns:a16="http://schemas.microsoft.com/office/drawing/2014/main" id="{5EB040EB-3F4A-4BBD-8644-502E45ABA6F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0"/>
          <a:ext cx="1546860" cy="156972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hyperlink" Target="mailto:klasika@scamorebieta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6179FD-3C31-427C-9B7B-75C68367BE48}">
  <dimension ref="A2:F95"/>
  <sheetViews>
    <sheetView tabSelected="1" topLeftCell="A76" workbookViewId="0">
      <selection activeCell="E38" sqref="E38"/>
    </sheetView>
  </sheetViews>
  <sheetFormatPr baseColWidth="10" defaultRowHeight="14.4" x14ac:dyDescent="0.3"/>
  <cols>
    <col min="1" max="1" width="33.88671875" bestFit="1" customWidth="1"/>
    <col min="5" max="5" width="49.88671875" bestFit="1" customWidth="1"/>
  </cols>
  <sheetData>
    <row r="2" spans="1:6" x14ac:dyDescent="0.3">
      <c r="C2" s="24"/>
      <c r="D2" s="24"/>
      <c r="E2" s="24" t="s">
        <v>58</v>
      </c>
      <c r="F2" s="24"/>
    </row>
    <row r="3" spans="1:6" x14ac:dyDescent="0.3">
      <c r="C3" s="25"/>
      <c r="D3" s="24"/>
      <c r="E3" s="24"/>
      <c r="F3" s="24"/>
    </row>
    <row r="4" spans="1:6" x14ac:dyDescent="0.3">
      <c r="C4" s="24"/>
      <c r="D4" s="24"/>
      <c r="E4" s="25" t="s">
        <v>59</v>
      </c>
      <c r="F4" s="24"/>
    </row>
    <row r="5" spans="1:6" x14ac:dyDescent="0.3">
      <c r="C5" s="24"/>
      <c r="D5" s="26"/>
      <c r="E5" s="31">
        <v>946733188</v>
      </c>
      <c r="F5" s="31"/>
    </row>
    <row r="6" spans="1:6" x14ac:dyDescent="0.3">
      <c r="C6" s="24"/>
      <c r="D6" s="26"/>
      <c r="E6" s="26">
        <v>610965663</v>
      </c>
      <c r="F6" s="24"/>
    </row>
    <row r="7" spans="1:6" x14ac:dyDescent="0.3">
      <c r="C7" s="24"/>
      <c r="D7" s="24"/>
      <c r="E7" s="27" t="s">
        <v>60</v>
      </c>
      <c r="F7" s="28"/>
    </row>
    <row r="8" spans="1:6" x14ac:dyDescent="0.3">
      <c r="C8" s="24"/>
      <c r="D8" s="24"/>
      <c r="E8" s="24" t="s">
        <v>61</v>
      </c>
      <c r="F8" s="29"/>
    </row>
    <row r="9" spans="1:6" x14ac:dyDescent="0.3">
      <c r="C9" s="24"/>
      <c r="D9" s="24"/>
      <c r="E9" s="24" t="s">
        <v>62</v>
      </c>
      <c r="F9" s="24"/>
    </row>
    <row r="10" spans="1:6" x14ac:dyDescent="0.3">
      <c r="C10" s="24"/>
      <c r="D10" s="24"/>
      <c r="E10" s="24" t="s">
        <v>63</v>
      </c>
      <c r="F10" s="24"/>
    </row>
    <row r="11" spans="1:6" x14ac:dyDescent="0.3">
      <c r="C11" s="24"/>
      <c r="D11" s="24"/>
      <c r="E11" s="24" t="s">
        <v>8</v>
      </c>
      <c r="F11" s="24"/>
    </row>
    <row r="12" spans="1:6" ht="15" thickBot="1" x14ac:dyDescent="0.35">
      <c r="C12" s="24"/>
      <c r="D12" s="24"/>
      <c r="E12" s="24" t="s">
        <v>64</v>
      </c>
      <c r="F12" s="24"/>
    </row>
    <row r="13" spans="1:6" x14ac:dyDescent="0.3">
      <c r="A13" s="1" t="s">
        <v>0</v>
      </c>
      <c r="B13" s="2" t="s">
        <v>1</v>
      </c>
      <c r="C13" s="3" t="s">
        <v>2</v>
      </c>
      <c r="D13" s="2" t="s">
        <v>3</v>
      </c>
      <c r="E13" s="4" t="s">
        <v>4</v>
      </c>
      <c r="F13" s="5" t="s">
        <v>5</v>
      </c>
    </row>
    <row r="14" spans="1:6" x14ac:dyDescent="0.3">
      <c r="A14" s="6" t="s">
        <v>6</v>
      </c>
      <c r="B14" s="7" t="s">
        <v>7</v>
      </c>
      <c r="C14" s="8">
        <v>10</v>
      </c>
      <c r="D14" s="7">
        <v>0</v>
      </c>
      <c r="E14" s="9" t="s">
        <v>67</v>
      </c>
      <c r="F14" s="10"/>
    </row>
    <row r="15" spans="1:6" x14ac:dyDescent="0.3">
      <c r="A15" s="6" t="s">
        <v>8</v>
      </c>
      <c r="B15" s="7" t="s">
        <v>7</v>
      </c>
      <c r="C15" s="8">
        <v>10.01</v>
      </c>
      <c r="D15" s="7">
        <v>0</v>
      </c>
      <c r="E15" s="9" t="s">
        <v>9</v>
      </c>
      <c r="F15" s="12">
        <v>1</v>
      </c>
    </row>
    <row r="16" spans="1:6" x14ac:dyDescent="0.3">
      <c r="A16" s="13" t="s">
        <v>8</v>
      </c>
      <c r="B16" s="14" t="s">
        <v>7</v>
      </c>
      <c r="C16" s="8">
        <v>10.01</v>
      </c>
      <c r="D16" s="7">
        <v>0</v>
      </c>
      <c r="E16" s="15" t="s">
        <v>10</v>
      </c>
      <c r="F16" s="16">
        <v>1</v>
      </c>
    </row>
    <row r="17" spans="1:6" x14ac:dyDescent="0.3">
      <c r="A17" s="13" t="s">
        <v>8</v>
      </c>
      <c r="B17" s="14" t="s">
        <v>11</v>
      </c>
      <c r="C17" s="8">
        <v>10.01</v>
      </c>
      <c r="D17" s="7">
        <v>0</v>
      </c>
      <c r="E17" s="15" t="s">
        <v>12</v>
      </c>
      <c r="F17" s="16">
        <v>1</v>
      </c>
    </row>
    <row r="18" spans="1:6" x14ac:dyDescent="0.3">
      <c r="A18" s="6" t="s">
        <v>8</v>
      </c>
      <c r="B18" s="7" t="s">
        <v>11</v>
      </c>
      <c r="C18" s="8">
        <v>10.01</v>
      </c>
      <c r="D18" s="7">
        <v>0</v>
      </c>
      <c r="E18" s="9" t="s">
        <v>13</v>
      </c>
      <c r="F18" s="12">
        <v>1</v>
      </c>
    </row>
    <row r="19" spans="1:6" x14ac:dyDescent="0.3">
      <c r="A19" s="13" t="s">
        <v>66</v>
      </c>
      <c r="B19" s="7" t="s">
        <v>65</v>
      </c>
      <c r="C19" s="8">
        <v>10.029999999999999</v>
      </c>
      <c r="D19" s="7">
        <v>0</v>
      </c>
      <c r="E19" s="9" t="s">
        <v>68</v>
      </c>
      <c r="F19" s="12"/>
    </row>
    <row r="20" spans="1:6" x14ac:dyDescent="0.3">
      <c r="A20" s="13" t="s">
        <v>14</v>
      </c>
      <c r="B20" s="14" t="s">
        <v>15</v>
      </c>
      <c r="C20" s="8">
        <v>10.08</v>
      </c>
      <c r="D20" s="11">
        <v>2.2999999999999998</v>
      </c>
      <c r="E20" s="15" t="s">
        <v>16</v>
      </c>
      <c r="F20" s="16">
        <v>1</v>
      </c>
    </row>
    <row r="21" spans="1:6" x14ac:dyDescent="0.3">
      <c r="A21" s="6" t="s">
        <v>14</v>
      </c>
      <c r="B21" s="7" t="s">
        <v>15</v>
      </c>
      <c r="C21" s="8">
        <v>10.08</v>
      </c>
      <c r="D21" s="11">
        <v>2.2999999999999998</v>
      </c>
      <c r="E21" s="9" t="s">
        <v>17</v>
      </c>
      <c r="F21" s="12">
        <v>1</v>
      </c>
    </row>
    <row r="22" spans="1:6" x14ac:dyDescent="0.3">
      <c r="A22" s="13" t="s">
        <v>14</v>
      </c>
      <c r="B22" s="14" t="s">
        <v>18</v>
      </c>
      <c r="C22" s="8">
        <v>10.11</v>
      </c>
      <c r="D22" s="11">
        <v>2.4</v>
      </c>
      <c r="E22" s="15" t="s">
        <v>19</v>
      </c>
      <c r="F22" s="16">
        <v>1</v>
      </c>
    </row>
    <row r="23" spans="1:6" x14ac:dyDescent="0.3">
      <c r="A23" s="13" t="s">
        <v>20</v>
      </c>
      <c r="B23" s="14" t="s">
        <v>18</v>
      </c>
      <c r="C23" s="8">
        <v>10.139999999999999</v>
      </c>
      <c r="D23" s="11">
        <v>6.4</v>
      </c>
      <c r="E23" s="15" t="s">
        <v>21</v>
      </c>
      <c r="F23" s="16"/>
    </row>
    <row r="24" spans="1:6" x14ac:dyDescent="0.3">
      <c r="A24" s="13" t="s">
        <v>22</v>
      </c>
      <c r="B24" s="14" t="s">
        <v>18</v>
      </c>
      <c r="C24" s="8">
        <v>10.149999999999999</v>
      </c>
      <c r="D24" s="17" t="s">
        <v>72</v>
      </c>
      <c r="E24" s="15" t="s">
        <v>23</v>
      </c>
      <c r="F24" s="16">
        <v>1</v>
      </c>
    </row>
    <row r="25" spans="1:6" x14ac:dyDescent="0.3">
      <c r="A25" s="13" t="s">
        <v>22</v>
      </c>
      <c r="B25" s="14" t="s">
        <v>18</v>
      </c>
      <c r="C25" s="8">
        <v>10.16</v>
      </c>
      <c r="D25" s="11">
        <v>10.9</v>
      </c>
      <c r="E25" s="15" t="s">
        <v>24</v>
      </c>
      <c r="F25" s="16">
        <v>1</v>
      </c>
    </row>
    <row r="26" spans="1:6" x14ac:dyDescent="0.3">
      <c r="A26" s="6" t="s">
        <v>25</v>
      </c>
      <c r="B26" s="7" t="s">
        <v>18</v>
      </c>
      <c r="C26" s="8">
        <v>10.17</v>
      </c>
      <c r="D26" s="11">
        <v>12.2</v>
      </c>
      <c r="E26" s="9" t="s">
        <v>26</v>
      </c>
      <c r="F26" s="12">
        <v>1</v>
      </c>
    </row>
    <row r="27" spans="1:6" x14ac:dyDescent="0.3">
      <c r="A27" s="13" t="s">
        <v>25</v>
      </c>
      <c r="B27" s="14" t="s">
        <v>27</v>
      </c>
      <c r="C27" s="8">
        <v>10.18</v>
      </c>
      <c r="D27" s="11">
        <v>12.7</v>
      </c>
      <c r="E27" s="15" t="s">
        <v>28</v>
      </c>
      <c r="F27" s="16">
        <v>1</v>
      </c>
    </row>
    <row r="28" spans="1:6" x14ac:dyDescent="0.3">
      <c r="A28" s="13" t="s">
        <v>29</v>
      </c>
      <c r="B28" s="14" t="s">
        <v>27</v>
      </c>
      <c r="C28" s="8">
        <v>10.18</v>
      </c>
      <c r="D28" s="17">
        <v>13.8</v>
      </c>
      <c r="E28" s="15" t="s">
        <v>30</v>
      </c>
      <c r="F28" s="16">
        <v>1</v>
      </c>
    </row>
    <row r="29" spans="1:6" x14ac:dyDescent="0.3">
      <c r="A29" s="13" t="s">
        <v>29</v>
      </c>
      <c r="B29" s="14" t="s">
        <v>27</v>
      </c>
      <c r="C29" s="8">
        <v>10.25</v>
      </c>
      <c r="D29" s="17">
        <v>15.5</v>
      </c>
      <c r="E29" s="15" t="s">
        <v>31</v>
      </c>
      <c r="F29" s="16">
        <v>1</v>
      </c>
    </row>
    <row r="30" spans="1:6" x14ac:dyDescent="0.3">
      <c r="A30" s="6" t="s">
        <v>8</v>
      </c>
      <c r="B30" s="7" t="s">
        <v>32</v>
      </c>
      <c r="C30" s="8">
        <v>10.27</v>
      </c>
      <c r="D30" s="17">
        <v>17.100000000000001</v>
      </c>
      <c r="E30" s="9" t="s">
        <v>33</v>
      </c>
      <c r="F30" s="12">
        <v>2</v>
      </c>
    </row>
    <row r="31" spans="1:6" x14ac:dyDescent="0.3">
      <c r="A31" s="13" t="s">
        <v>8</v>
      </c>
      <c r="B31" s="14" t="s">
        <v>32</v>
      </c>
      <c r="C31" s="8">
        <v>10.3</v>
      </c>
      <c r="D31" s="17">
        <v>17.399999999999999</v>
      </c>
      <c r="E31" s="15" t="s">
        <v>34</v>
      </c>
      <c r="F31" s="16">
        <v>1</v>
      </c>
    </row>
    <row r="32" spans="1:6" x14ac:dyDescent="0.3">
      <c r="A32" s="13" t="s">
        <v>8</v>
      </c>
      <c r="B32" s="14" t="s">
        <v>32</v>
      </c>
      <c r="C32" s="8">
        <v>10.3</v>
      </c>
      <c r="D32" s="17">
        <v>17.8</v>
      </c>
      <c r="E32" s="15" t="s">
        <v>35</v>
      </c>
      <c r="F32" s="16"/>
    </row>
    <row r="33" spans="1:6" x14ac:dyDescent="0.3">
      <c r="A33" s="13" t="s">
        <v>8</v>
      </c>
      <c r="B33" s="14" t="s">
        <v>32</v>
      </c>
      <c r="C33" s="8">
        <v>10.3</v>
      </c>
      <c r="D33" s="17">
        <v>17.899999999999999</v>
      </c>
      <c r="E33" s="15" t="s">
        <v>36</v>
      </c>
      <c r="F33" s="16">
        <v>2</v>
      </c>
    </row>
    <row r="34" spans="1:6" x14ac:dyDescent="0.3">
      <c r="A34" s="6" t="s">
        <v>8</v>
      </c>
      <c r="B34" s="7" t="s">
        <v>32</v>
      </c>
      <c r="C34" s="8">
        <v>10.31</v>
      </c>
      <c r="D34" s="17">
        <v>18</v>
      </c>
      <c r="E34" s="9" t="s">
        <v>37</v>
      </c>
      <c r="F34" s="12">
        <v>1</v>
      </c>
    </row>
    <row r="35" spans="1:6" x14ac:dyDescent="0.3">
      <c r="A35" s="6" t="s">
        <v>38</v>
      </c>
      <c r="B35" s="7" t="s">
        <v>32</v>
      </c>
      <c r="C35" s="8">
        <v>10.32</v>
      </c>
      <c r="D35" s="17">
        <v>18.100000000000001</v>
      </c>
      <c r="E35" s="9" t="s">
        <v>39</v>
      </c>
      <c r="F35" s="18">
        <v>1</v>
      </c>
    </row>
    <row r="36" spans="1:6" x14ac:dyDescent="0.3">
      <c r="A36" s="13" t="s">
        <v>8</v>
      </c>
      <c r="B36" s="14" t="s">
        <v>32</v>
      </c>
      <c r="C36" s="8">
        <v>10.32</v>
      </c>
      <c r="D36" s="17">
        <v>18.2</v>
      </c>
      <c r="E36" s="15" t="s">
        <v>40</v>
      </c>
      <c r="F36" s="16">
        <v>2</v>
      </c>
    </row>
    <row r="37" spans="1:6" x14ac:dyDescent="0.3">
      <c r="A37" s="13" t="s">
        <v>8</v>
      </c>
      <c r="B37" s="14" t="s">
        <v>32</v>
      </c>
      <c r="C37" s="8">
        <v>10.32</v>
      </c>
      <c r="D37" s="17">
        <v>18.399999999999999</v>
      </c>
      <c r="E37" s="15" t="s">
        <v>41</v>
      </c>
      <c r="F37" s="16">
        <v>1</v>
      </c>
    </row>
    <row r="38" spans="1:6" x14ac:dyDescent="0.3">
      <c r="A38" s="6" t="s">
        <v>8</v>
      </c>
      <c r="B38" s="7" t="s">
        <v>7</v>
      </c>
      <c r="C38" s="8">
        <v>10.33</v>
      </c>
      <c r="D38" s="17">
        <v>18.7</v>
      </c>
      <c r="E38" s="9" t="s">
        <v>42</v>
      </c>
      <c r="F38" s="12">
        <v>1</v>
      </c>
    </row>
    <row r="39" spans="1:6" x14ac:dyDescent="0.3">
      <c r="A39" s="6" t="s">
        <v>8</v>
      </c>
      <c r="B39" s="7" t="s">
        <v>7</v>
      </c>
      <c r="C39" s="8">
        <v>10.33</v>
      </c>
      <c r="D39" s="17">
        <v>18.8</v>
      </c>
      <c r="E39" s="9" t="s">
        <v>9</v>
      </c>
      <c r="F39" s="12">
        <v>1</v>
      </c>
    </row>
    <row r="40" spans="1:6" x14ac:dyDescent="0.3">
      <c r="A40" s="13" t="s">
        <v>8</v>
      </c>
      <c r="B40" s="14" t="s">
        <v>7</v>
      </c>
      <c r="C40" s="8">
        <v>10.33</v>
      </c>
      <c r="D40" s="17">
        <v>19</v>
      </c>
      <c r="E40" s="15" t="s">
        <v>10</v>
      </c>
      <c r="F40" s="16">
        <v>1</v>
      </c>
    </row>
    <row r="41" spans="1:6" x14ac:dyDescent="0.3">
      <c r="A41" s="13" t="s">
        <v>8</v>
      </c>
      <c r="B41" s="14" t="s">
        <v>11</v>
      </c>
      <c r="C41" s="8">
        <v>10.34</v>
      </c>
      <c r="D41" s="17">
        <v>23.5</v>
      </c>
      <c r="E41" s="15" t="s">
        <v>12</v>
      </c>
      <c r="F41" s="16">
        <v>1</v>
      </c>
    </row>
    <row r="42" spans="1:6" x14ac:dyDescent="0.3">
      <c r="A42" s="6" t="s">
        <v>8</v>
      </c>
      <c r="B42" s="7" t="s">
        <v>11</v>
      </c>
      <c r="C42" s="8">
        <v>10.34</v>
      </c>
      <c r="D42" s="17">
        <v>23.7</v>
      </c>
      <c r="E42" s="9" t="s">
        <v>13</v>
      </c>
      <c r="F42" s="12">
        <v>1</v>
      </c>
    </row>
    <row r="43" spans="1:6" x14ac:dyDescent="0.3">
      <c r="A43" s="13" t="s">
        <v>14</v>
      </c>
      <c r="B43" s="14" t="s">
        <v>15</v>
      </c>
      <c r="C43" s="8">
        <v>10.41</v>
      </c>
      <c r="D43" s="17">
        <v>25.7</v>
      </c>
      <c r="E43" s="15" t="s">
        <v>16</v>
      </c>
      <c r="F43" s="16">
        <v>1</v>
      </c>
    </row>
    <row r="44" spans="1:6" x14ac:dyDescent="0.3">
      <c r="A44" s="6" t="s">
        <v>14</v>
      </c>
      <c r="B44" s="7" t="s">
        <v>15</v>
      </c>
      <c r="C44" s="8">
        <v>10.41</v>
      </c>
      <c r="D44" s="17">
        <v>27.299999999999997</v>
      </c>
      <c r="E44" s="9" t="s">
        <v>17</v>
      </c>
      <c r="F44" s="12">
        <v>1</v>
      </c>
    </row>
    <row r="45" spans="1:6" x14ac:dyDescent="0.3">
      <c r="A45" s="13" t="s">
        <v>14</v>
      </c>
      <c r="B45" s="14" t="s">
        <v>18</v>
      </c>
      <c r="C45" s="8">
        <v>10.42</v>
      </c>
      <c r="D45" s="17">
        <v>28.199999999999996</v>
      </c>
      <c r="E45" s="15" t="s">
        <v>19</v>
      </c>
      <c r="F45" s="16">
        <v>1</v>
      </c>
    </row>
    <row r="46" spans="1:6" x14ac:dyDescent="0.3">
      <c r="A46" s="13" t="s">
        <v>20</v>
      </c>
      <c r="B46" s="14" t="s">
        <v>18</v>
      </c>
      <c r="C46" s="8">
        <v>10.46</v>
      </c>
      <c r="D46" s="17">
        <v>28.899999999999995</v>
      </c>
      <c r="E46" s="15" t="s">
        <v>21</v>
      </c>
      <c r="F46" s="16"/>
    </row>
    <row r="47" spans="1:6" x14ac:dyDescent="0.3">
      <c r="A47" s="13" t="s">
        <v>22</v>
      </c>
      <c r="B47" s="14" t="s">
        <v>18</v>
      </c>
      <c r="C47" s="8">
        <v>10.49</v>
      </c>
      <c r="D47" s="17">
        <v>29.099999999999994</v>
      </c>
      <c r="E47" s="15" t="s">
        <v>23</v>
      </c>
      <c r="F47" s="16">
        <v>1</v>
      </c>
    </row>
    <row r="48" spans="1:6" x14ac:dyDescent="0.3">
      <c r="A48" s="13" t="s">
        <v>22</v>
      </c>
      <c r="B48" s="14" t="s">
        <v>18</v>
      </c>
      <c r="C48" s="8">
        <v>10.5</v>
      </c>
      <c r="D48" s="17">
        <v>30.399999999999991</v>
      </c>
      <c r="E48" s="15" t="s">
        <v>24</v>
      </c>
      <c r="F48" s="16">
        <v>1</v>
      </c>
    </row>
    <row r="49" spans="1:6" x14ac:dyDescent="0.3">
      <c r="A49" s="6" t="s">
        <v>25</v>
      </c>
      <c r="B49" s="7" t="s">
        <v>18</v>
      </c>
      <c r="C49" s="8">
        <v>10.5</v>
      </c>
      <c r="D49" s="17">
        <v>30.899999999999991</v>
      </c>
      <c r="E49" s="9" t="s">
        <v>26</v>
      </c>
      <c r="F49" s="12">
        <v>1</v>
      </c>
    </row>
    <row r="50" spans="1:6" x14ac:dyDescent="0.3">
      <c r="A50" s="13" t="s">
        <v>25</v>
      </c>
      <c r="B50" s="14" t="s">
        <v>27</v>
      </c>
      <c r="C50" s="8">
        <v>10.5</v>
      </c>
      <c r="D50" s="17">
        <v>34.999999999999993</v>
      </c>
      <c r="E50" s="15" t="s">
        <v>28</v>
      </c>
      <c r="F50" s="16">
        <v>1</v>
      </c>
    </row>
    <row r="51" spans="1:6" x14ac:dyDescent="0.3">
      <c r="A51" s="13" t="s">
        <v>29</v>
      </c>
      <c r="B51" s="14" t="s">
        <v>27</v>
      </c>
      <c r="C51" s="8">
        <v>10.51</v>
      </c>
      <c r="D51" s="17">
        <v>36.699999999999989</v>
      </c>
      <c r="E51" s="15" t="s">
        <v>30</v>
      </c>
      <c r="F51" s="16">
        <v>1</v>
      </c>
    </row>
    <row r="52" spans="1:6" x14ac:dyDescent="0.3">
      <c r="A52" s="13" t="s">
        <v>29</v>
      </c>
      <c r="B52" s="14" t="s">
        <v>27</v>
      </c>
      <c r="C52" s="8">
        <v>10.53</v>
      </c>
      <c r="D52" s="17">
        <v>38.29999999999999</v>
      </c>
      <c r="E52" s="15" t="s">
        <v>31</v>
      </c>
      <c r="F52" s="16">
        <v>1</v>
      </c>
    </row>
    <row r="53" spans="1:6" x14ac:dyDescent="0.3">
      <c r="A53" s="6" t="s">
        <v>8</v>
      </c>
      <c r="B53" s="7" t="s">
        <v>32</v>
      </c>
      <c r="C53" s="8">
        <v>11</v>
      </c>
      <c r="D53" s="17">
        <v>38.599999999999987</v>
      </c>
      <c r="E53" s="9" t="s">
        <v>33</v>
      </c>
      <c r="F53" s="12">
        <v>2</v>
      </c>
    </row>
    <row r="54" spans="1:6" x14ac:dyDescent="0.3">
      <c r="A54" s="13" t="s">
        <v>8</v>
      </c>
      <c r="B54" s="14" t="s">
        <v>32</v>
      </c>
      <c r="C54" s="8">
        <v>11</v>
      </c>
      <c r="D54" s="17">
        <v>38.999999999999986</v>
      </c>
      <c r="E54" s="15" t="s">
        <v>34</v>
      </c>
      <c r="F54" s="16">
        <v>1</v>
      </c>
    </row>
    <row r="55" spans="1:6" x14ac:dyDescent="0.3">
      <c r="A55" s="13" t="s">
        <v>8</v>
      </c>
      <c r="B55" s="14" t="s">
        <v>32</v>
      </c>
      <c r="C55" s="8">
        <v>11.01</v>
      </c>
      <c r="D55" s="17">
        <v>39.09999999999998</v>
      </c>
      <c r="E55" s="15" t="s">
        <v>35</v>
      </c>
      <c r="F55" s="16"/>
    </row>
    <row r="56" spans="1:6" x14ac:dyDescent="0.3">
      <c r="A56" s="13" t="s">
        <v>8</v>
      </c>
      <c r="B56" s="14" t="s">
        <v>32</v>
      </c>
      <c r="C56" s="8">
        <v>11.01</v>
      </c>
      <c r="D56" s="17">
        <v>39.199999999999982</v>
      </c>
      <c r="E56" s="15" t="s">
        <v>36</v>
      </c>
      <c r="F56" s="16">
        <v>2</v>
      </c>
    </row>
    <row r="57" spans="1:6" x14ac:dyDescent="0.3">
      <c r="A57" s="6" t="s">
        <v>8</v>
      </c>
      <c r="B57" s="7" t="s">
        <v>32</v>
      </c>
      <c r="C57" s="8">
        <v>11.02</v>
      </c>
      <c r="D57" s="17">
        <v>39.299999999999983</v>
      </c>
      <c r="E57" s="9" t="s">
        <v>37</v>
      </c>
      <c r="F57" s="12">
        <v>1</v>
      </c>
    </row>
    <row r="58" spans="1:6" x14ac:dyDescent="0.3">
      <c r="A58" s="6" t="s">
        <v>38</v>
      </c>
      <c r="B58" s="7" t="s">
        <v>32</v>
      </c>
      <c r="C58" s="8">
        <v>11.02</v>
      </c>
      <c r="D58" s="17">
        <v>39.399999999999977</v>
      </c>
      <c r="E58" s="9" t="s">
        <v>39</v>
      </c>
      <c r="F58" s="18">
        <v>1</v>
      </c>
    </row>
    <row r="59" spans="1:6" x14ac:dyDescent="0.3">
      <c r="A59" s="13" t="s">
        <v>8</v>
      </c>
      <c r="B59" s="14" t="s">
        <v>32</v>
      </c>
      <c r="C59" s="8">
        <v>11.03</v>
      </c>
      <c r="D59" s="17">
        <v>39.59999999999998</v>
      </c>
      <c r="E59" s="15" t="s">
        <v>40</v>
      </c>
      <c r="F59" s="16">
        <v>2</v>
      </c>
    </row>
    <row r="60" spans="1:6" x14ac:dyDescent="0.3">
      <c r="A60" s="13" t="s">
        <v>8</v>
      </c>
      <c r="B60" s="14" t="s">
        <v>32</v>
      </c>
      <c r="C60" s="8">
        <v>11.04</v>
      </c>
      <c r="D60" s="17">
        <v>39.899999999999977</v>
      </c>
      <c r="E60" s="15" t="s">
        <v>41</v>
      </c>
      <c r="F60" s="16">
        <v>1</v>
      </c>
    </row>
    <row r="61" spans="1:6" x14ac:dyDescent="0.3">
      <c r="A61" s="6" t="s">
        <v>8</v>
      </c>
      <c r="B61" s="7" t="s">
        <v>7</v>
      </c>
      <c r="C61" s="8">
        <v>11.049999999999999</v>
      </c>
      <c r="D61" s="17">
        <v>40.199999999999974</v>
      </c>
      <c r="E61" s="9" t="s">
        <v>42</v>
      </c>
      <c r="F61" s="12">
        <v>1</v>
      </c>
    </row>
    <row r="62" spans="1:6" x14ac:dyDescent="0.3">
      <c r="A62" s="6" t="s">
        <v>8</v>
      </c>
      <c r="B62" s="7" t="s">
        <v>7</v>
      </c>
      <c r="C62" s="8">
        <v>11.049999999999999</v>
      </c>
      <c r="D62" s="17">
        <v>40.299999999999976</v>
      </c>
      <c r="E62" s="9" t="s">
        <v>9</v>
      </c>
      <c r="F62" s="12">
        <v>1</v>
      </c>
    </row>
    <row r="63" spans="1:6" x14ac:dyDescent="0.3">
      <c r="A63" s="13" t="s">
        <v>8</v>
      </c>
      <c r="B63" s="14" t="s">
        <v>7</v>
      </c>
      <c r="C63" s="8">
        <v>11.049999999999999</v>
      </c>
      <c r="D63" s="17">
        <v>40.499999999999979</v>
      </c>
      <c r="E63" s="15" t="s">
        <v>10</v>
      </c>
      <c r="F63" s="16">
        <v>1</v>
      </c>
    </row>
    <row r="64" spans="1:6" x14ac:dyDescent="0.3">
      <c r="A64" s="13" t="s">
        <v>8</v>
      </c>
      <c r="B64" s="14" t="s">
        <v>11</v>
      </c>
      <c r="C64" s="8">
        <v>11.059999999999999</v>
      </c>
      <c r="D64" s="17">
        <v>44.999999999999979</v>
      </c>
      <c r="E64" s="15" t="s">
        <v>12</v>
      </c>
      <c r="F64" s="16">
        <v>1</v>
      </c>
    </row>
    <row r="65" spans="1:6" x14ac:dyDescent="0.3">
      <c r="A65" s="6" t="s">
        <v>8</v>
      </c>
      <c r="B65" s="7" t="s">
        <v>11</v>
      </c>
      <c r="C65" s="8">
        <v>11.059999999999999</v>
      </c>
      <c r="D65" s="17">
        <v>45.199999999999982</v>
      </c>
      <c r="E65" s="9" t="s">
        <v>13</v>
      </c>
      <c r="F65" s="12">
        <v>1</v>
      </c>
    </row>
    <row r="66" spans="1:6" x14ac:dyDescent="0.3">
      <c r="A66" s="13" t="s">
        <v>14</v>
      </c>
      <c r="B66" s="14" t="s">
        <v>15</v>
      </c>
      <c r="C66" s="8">
        <v>11.11</v>
      </c>
      <c r="D66" s="17">
        <v>47.199999999999982</v>
      </c>
      <c r="E66" s="15" t="s">
        <v>16</v>
      </c>
      <c r="F66" s="16">
        <v>1</v>
      </c>
    </row>
    <row r="67" spans="1:6" x14ac:dyDescent="0.3">
      <c r="A67" s="6" t="s">
        <v>14</v>
      </c>
      <c r="B67" s="7" t="s">
        <v>15</v>
      </c>
      <c r="C67" s="8">
        <v>11.11</v>
      </c>
      <c r="D67" s="17">
        <v>48.799999999999983</v>
      </c>
      <c r="E67" s="9" t="s">
        <v>17</v>
      </c>
      <c r="F67" s="12">
        <v>1</v>
      </c>
    </row>
    <row r="68" spans="1:6" x14ac:dyDescent="0.3">
      <c r="A68" s="13" t="s">
        <v>14</v>
      </c>
      <c r="B68" s="14" t="s">
        <v>18</v>
      </c>
      <c r="C68" s="8">
        <v>11.12</v>
      </c>
      <c r="D68" s="17">
        <v>49.699999999999982</v>
      </c>
      <c r="E68" s="15" t="s">
        <v>19</v>
      </c>
      <c r="F68" s="16">
        <v>1</v>
      </c>
    </row>
    <row r="69" spans="1:6" x14ac:dyDescent="0.3">
      <c r="A69" s="13" t="s">
        <v>20</v>
      </c>
      <c r="B69" s="14" t="s">
        <v>18</v>
      </c>
      <c r="C69" s="8">
        <v>11.149999999999999</v>
      </c>
      <c r="D69" s="17">
        <v>50.399999999999977</v>
      </c>
      <c r="E69" s="15" t="s">
        <v>21</v>
      </c>
      <c r="F69" s="16"/>
    </row>
    <row r="70" spans="1:6" x14ac:dyDescent="0.3">
      <c r="A70" s="13" t="s">
        <v>22</v>
      </c>
      <c r="B70" s="14" t="s">
        <v>18</v>
      </c>
      <c r="C70" s="8">
        <v>11.18</v>
      </c>
      <c r="D70" s="17">
        <v>50.59999999999998</v>
      </c>
      <c r="E70" s="15" t="s">
        <v>23</v>
      </c>
      <c r="F70" s="16">
        <v>1</v>
      </c>
    </row>
    <row r="71" spans="1:6" x14ac:dyDescent="0.3">
      <c r="A71" s="13" t="s">
        <v>22</v>
      </c>
      <c r="B71" s="14" t="s">
        <v>18</v>
      </c>
      <c r="C71" s="8">
        <v>11.19</v>
      </c>
      <c r="D71" s="17">
        <v>51.899999999999977</v>
      </c>
      <c r="E71" s="15" t="s">
        <v>24</v>
      </c>
      <c r="F71" s="16">
        <v>1</v>
      </c>
    </row>
    <row r="72" spans="1:6" x14ac:dyDescent="0.3">
      <c r="A72" s="6" t="s">
        <v>25</v>
      </c>
      <c r="B72" s="7" t="s">
        <v>18</v>
      </c>
      <c r="C72" s="8">
        <v>11.19</v>
      </c>
      <c r="D72" s="17">
        <v>52.399999999999977</v>
      </c>
      <c r="E72" s="9" t="s">
        <v>26</v>
      </c>
      <c r="F72" s="12">
        <v>1</v>
      </c>
    </row>
    <row r="73" spans="1:6" x14ac:dyDescent="0.3">
      <c r="A73" s="13" t="s">
        <v>25</v>
      </c>
      <c r="B73" s="14" t="s">
        <v>27</v>
      </c>
      <c r="C73" s="8">
        <v>11.2</v>
      </c>
      <c r="D73" s="17">
        <v>54.499999999999979</v>
      </c>
      <c r="E73" s="15" t="s">
        <v>28</v>
      </c>
      <c r="F73" s="16">
        <v>1</v>
      </c>
    </row>
    <row r="74" spans="1:6" x14ac:dyDescent="0.3">
      <c r="A74" s="13" t="s">
        <v>29</v>
      </c>
      <c r="B74" s="14" t="s">
        <v>27</v>
      </c>
      <c r="C74" s="8">
        <v>11.219999999999999</v>
      </c>
      <c r="D74" s="17">
        <v>56.199999999999974</v>
      </c>
      <c r="E74" s="15" t="s">
        <v>30</v>
      </c>
      <c r="F74" s="16">
        <v>1</v>
      </c>
    </row>
    <row r="75" spans="1:6" x14ac:dyDescent="0.3">
      <c r="A75" s="13" t="s">
        <v>29</v>
      </c>
      <c r="B75" s="14" t="s">
        <v>27</v>
      </c>
      <c r="C75" s="8">
        <v>11.219999999999999</v>
      </c>
      <c r="D75" s="17">
        <v>57.799999999999976</v>
      </c>
      <c r="E75" s="15" t="s">
        <v>31</v>
      </c>
      <c r="F75" s="16">
        <v>1</v>
      </c>
    </row>
    <row r="76" spans="1:6" x14ac:dyDescent="0.3">
      <c r="A76" s="6" t="s">
        <v>8</v>
      </c>
      <c r="B76" s="7" t="s">
        <v>32</v>
      </c>
      <c r="C76" s="8">
        <v>11.28</v>
      </c>
      <c r="D76" s="17">
        <v>58.099999999999973</v>
      </c>
      <c r="E76" s="9" t="s">
        <v>33</v>
      </c>
      <c r="F76" s="12">
        <v>2</v>
      </c>
    </row>
    <row r="77" spans="1:6" x14ac:dyDescent="0.3">
      <c r="A77" s="13" t="s">
        <v>8</v>
      </c>
      <c r="B77" s="14" t="s">
        <v>32</v>
      </c>
      <c r="C77" s="8">
        <v>11.29</v>
      </c>
      <c r="D77" s="17">
        <v>58.499999999999972</v>
      </c>
      <c r="E77" s="15" t="s">
        <v>34</v>
      </c>
      <c r="F77" s="16">
        <v>1</v>
      </c>
    </row>
    <row r="78" spans="1:6" x14ac:dyDescent="0.3">
      <c r="A78" s="13" t="s">
        <v>8</v>
      </c>
      <c r="B78" s="14" t="s">
        <v>32</v>
      </c>
      <c r="C78" s="8">
        <v>11.29</v>
      </c>
      <c r="D78" s="17">
        <v>58.599999999999966</v>
      </c>
      <c r="E78" s="15" t="s">
        <v>35</v>
      </c>
      <c r="F78" s="16"/>
    </row>
    <row r="79" spans="1:6" x14ac:dyDescent="0.3">
      <c r="A79" s="13" t="s">
        <v>8</v>
      </c>
      <c r="B79" s="14" t="s">
        <v>32</v>
      </c>
      <c r="C79" s="8">
        <v>11.31</v>
      </c>
      <c r="D79" s="17">
        <v>58.699999999999967</v>
      </c>
      <c r="E79" s="15" t="s">
        <v>36</v>
      </c>
      <c r="F79" s="16">
        <v>2</v>
      </c>
    </row>
    <row r="80" spans="1:6" x14ac:dyDescent="0.3">
      <c r="A80" s="6" t="s">
        <v>8</v>
      </c>
      <c r="B80" s="7" t="s">
        <v>32</v>
      </c>
      <c r="C80" s="8">
        <v>11.31</v>
      </c>
      <c r="D80" s="17">
        <v>60.799999999999969</v>
      </c>
      <c r="E80" s="9" t="s">
        <v>37</v>
      </c>
      <c r="F80" s="12">
        <v>1</v>
      </c>
    </row>
    <row r="81" spans="1:6" x14ac:dyDescent="0.3">
      <c r="A81" s="6" t="s">
        <v>38</v>
      </c>
      <c r="B81" s="7" t="s">
        <v>32</v>
      </c>
      <c r="C81" s="8">
        <v>11.33</v>
      </c>
      <c r="D81" s="17">
        <v>60.899999999999963</v>
      </c>
      <c r="E81" s="9" t="s">
        <v>39</v>
      </c>
      <c r="F81" s="18">
        <v>1</v>
      </c>
    </row>
    <row r="82" spans="1:6" x14ac:dyDescent="0.3">
      <c r="A82" s="13" t="s">
        <v>8</v>
      </c>
      <c r="B82" s="14" t="s">
        <v>32</v>
      </c>
      <c r="C82" s="8">
        <v>11.34</v>
      </c>
      <c r="D82" s="17">
        <v>61.099999999999966</v>
      </c>
      <c r="E82" s="15" t="s">
        <v>40</v>
      </c>
      <c r="F82" s="16">
        <v>2</v>
      </c>
    </row>
    <row r="83" spans="1:6" x14ac:dyDescent="0.3">
      <c r="A83" s="13" t="s">
        <v>8</v>
      </c>
      <c r="B83" s="14" t="s">
        <v>32</v>
      </c>
      <c r="C83" s="8">
        <v>11.35</v>
      </c>
      <c r="D83" s="17">
        <v>61.3</v>
      </c>
      <c r="E83" s="15" t="s">
        <v>43</v>
      </c>
      <c r="F83" s="16">
        <v>1</v>
      </c>
    </row>
    <row r="84" spans="1:6" x14ac:dyDescent="0.3">
      <c r="A84" s="13" t="s">
        <v>8</v>
      </c>
      <c r="B84" s="14" t="s">
        <v>32</v>
      </c>
      <c r="C84" s="8">
        <v>11.35</v>
      </c>
      <c r="D84" s="17">
        <v>61.400000000000006</v>
      </c>
      <c r="E84" s="15" t="s">
        <v>44</v>
      </c>
      <c r="F84" s="16">
        <v>2</v>
      </c>
    </row>
    <row r="85" spans="1:6" x14ac:dyDescent="0.3">
      <c r="A85" s="13" t="s">
        <v>8</v>
      </c>
      <c r="B85" s="14" t="s">
        <v>27</v>
      </c>
      <c r="C85" s="8">
        <v>11.36</v>
      </c>
      <c r="D85" s="17">
        <v>64.899999999999991</v>
      </c>
      <c r="E85" s="15" t="s">
        <v>45</v>
      </c>
      <c r="F85" s="16">
        <v>2</v>
      </c>
    </row>
    <row r="86" spans="1:6" x14ac:dyDescent="0.3">
      <c r="A86" s="19" t="s">
        <v>46</v>
      </c>
      <c r="B86" s="14" t="s">
        <v>47</v>
      </c>
      <c r="C86" s="8">
        <v>11.45</v>
      </c>
      <c r="D86" s="17">
        <v>65.199999999999989</v>
      </c>
      <c r="E86" s="15" t="s">
        <v>48</v>
      </c>
      <c r="F86" s="16">
        <v>1</v>
      </c>
    </row>
    <row r="87" spans="1:6" x14ac:dyDescent="0.3">
      <c r="A87" s="13" t="s">
        <v>49</v>
      </c>
      <c r="B87" s="14" t="s">
        <v>47</v>
      </c>
      <c r="C87" s="8">
        <v>11.46</v>
      </c>
      <c r="D87" s="17">
        <v>69.599999999999994</v>
      </c>
      <c r="E87" s="15" t="s">
        <v>50</v>
      </c>
      <c r="F87" s="16">
        <v>1</v>
      </c>
    </row>
    <row r="88" spans="1:6" x14ac:dyDescent="0.3">
      <c r="A88" s="13" t="s">
        <v>51</v>
      </c>
      <c r="B88" s="14" t="s">
        <v>47</v>
      </c>
      <c r="C88" s="8">
        <v>12.049999999999999</v>
      </c>
      <c r="D88" s="17">
        <v>73</v>
      </c>
      <c r="E88" s="15"/>
      <c r="F88" s="16"/>
    </row>
    <row r="89" spans="1:6" x14ac:dyDescent="0.3">
      <c r="A89" s="13" t="s">
        <v>52</v>
      </c>
      <c r="B89" s="14" t="s">
        <v>11</v>
      </c>
      <c r="C89" s="8">
        <v>12.11</v>
      </c>
      <c r="D89" s="17">
        <v>75.599999999999994</v>
      </c>
      <c r="E89" s="15" t="s">
        <v>53</v>
      </c>
      <c r="F89" s="16">
        <v>2</v>
      </c>
    </row>
    <row r="90" spans="1:6" x14ac:dyDescent="0.3">
      <c r="A90" s="13" t="s">
        <v>54</v>
      </c>
      <c r="B90" s="14" t="s">
        <v>73</v>
      </c>
      <c r="C90" s="8">
        <v>12.16</v>
      </c>
      <c r="D90" s="17">
        <v>77</v>
      </c>
      <c r="E90" s="15"/>
      <c r="F90" s="16"/>
    </row>
    <row r="91" spans="1:6" x14ac:dyDescent="0.3">
      <c r="A91" s="13" t="s">
        <v>8</v>
      </c>
      <c r="B91" s="14" t="s">
        <v>11</v>
      </c>
      <c r="C91" s="8">
        <v>12.239999999999998</v>
      </c>
      <c r="D91" s="17" t="s">
        <v>69</v>
      </c>
      <c r="E91" s="15" t="s">
        <v>55</v>
      </c>
      <c r="F91" s="16">
        <v>2</v>
      </c>
    </row>
    <row r="92" spans="1:6" x14ac:dyDescent="0.3">
      <c r="A92" s="6" t="s">
        <v>8</v>
      </c>
      <c r="B92" s="7" t="s">
        <v>32</v>
      </c>
      <c r="C92" s="8">
        <v>12.25</v>
      </c>
      <c r="D92" s="17">
        <v>78.3</v>
      </c>
      <c r="E92" s="9" t="s">
        <v>56</v>
      </c>
      <c r="F92" s="12">
        <v>2</v>
      </c>
    </row>
    <row r="93" spans="1:6" x14ac:dyDescent="0.3">
      <c r="A93" s="20" t="s">
        <v>8</v>
      </c>
      <c r="B93" s="21" t="s">
        <v>32</v>
      </c>
      <c r="C93" s="8">
        <v>12.25</v>
      </c>
      <c r="D93" s="17">
        <v>78.5</v>
      </c>
      <c r="E93" s="22" t="s">
        <v>57</v>
      </c>
      <c r="F93" s="23">
        <v>2</v>
      </c>
    </row>
    <row r="94" spans="1:6" x14ac:dyDescent="0.3">
      <c r="A94" s="13" t="s">
        <v>8</v>
      </c>
      <c r="B94" s="14" t="s">
        <v>32</v>
      </c>
      <c r="C94" s="8">
        <v>12.26</v>
      </c>
      <c r="D94" s="17">
        <v>78.7</v>
      </c>
      <c r="E94" s="15" t="s">
        <v>41</v>
      </c>
      <c r="F94" s="16">
        <v>1</v>
      </c>
    </row>
    <row r="95" spans="1:6" x14ac:dyDescent="0.3">
      <c r="A95" s="13" t="s">
        <v>8</v>
      </c>
      <c r="B95" s="14" t="s">
        <v>70</v>
      </c>
      <c r="C95" s="8">
        <v>12.28</v>
      </c>
      <c r="D95" s="17">
        <v>80</v>
      </c>
      <c r="E95" s="30" t="s">
        <v>71</v>
      </c>
    </row>
  </sheetData>
  <mergeCells count="1">
    <mergeCell ref="E5:F5"/>
  </mergeCells>
  <phoneticPr fontId="8" type="noConversion"/>
  <hyperlinks>
    <hyperlink ref="E7" r:id="rId1" xr:uid="{C9C39E64-1C6F-451E-9441-1318B5CD385D}"/>
  </hyperlinks>
  <pageMargins left="0.7" right="0.7" top="0.75" bottom="0.75" header="0.3" footer="0.3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Hoj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Carlos Lara Sanchez</dc:creator>
  <cp:lastModifiedBy>Juan Carlos Lara Sanchez</cp:lastModifiedBy>
  <dcterms:created xsi:type="dcterms:W3CDTF">2021-02-18T22:03:02Z</dcterms:created>
  <dcterms:modified xsi:type="dcterms:W3CDTF">2021-02-19T09:51:39Z</dcterms:modified>
</cp:coreProperties>
</file>